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603\R7group\04_商業まちづくりG\04_商店街等事業費補助金\03_商店街等活性化促進事業費補助\999_（仮）R8フォルダ\9999_【作成中_重要】_プレミアム商品券（10割）\04_20260130_課内調整結果を反映v3（これが最新）\"/>
    </mc:Choice>
  </mc:AlternateContent>
  <xr:revisionPtr revIDLastSave="0" documentId="13_ncr:1_{79196F9A-F85B-40AA-BE42-84DE3EE181FB}" xr6:coauthVersionLast="47" xr6:coauthVersionMax="47" xr10:uidLastSave="{00000000-0000-0000-0000-000000000000}"/>
  <bookViews>
    <workbookView xWindow="510" yWindow="165" windowWidth="15705" windowHeight="15105" xr2:uid="{00000000-000D-0000-FFFF-FFFF00000000}"/>
  </bookViews>
  <sheets>
    <sheet name="換金台帳←必要事項を記載の上、こちらをご出力してご使用ください" sheetId="1" r:id="rId1"/>
    <sheet name="換金台帳【作成例】" sheetId="2" r:id="rId2"/>
  </sheets>
  <definedNames>
    <definedName name="_xlnm.Print_Area" localSheetId="1">換金台帳【作成例】!$A$1:$J$33</definedName>
    <definedName name="_xlnm.Print_Area" localSheetId="0">'換金台帳←必要事項を記載の上、こちらをご出力してご使用ください'!$A$1:$J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9" i="2" l="1"/>
  <c r="F8" i="2"/>
  <c r="F7" i="2"/>
  <c r="F6" i="2"/>
  <c r="F5" i="2"/>
  <c r="A10" i="2"/>
  <c r="A9" i="2"/>
  <c r="A8" i="2"/>
  <c r="A7" i="2"/>
  <c r="A6" i="2"/>
  <c r="C10" i="2" l="1"/>
  <c r="H9" i="2"/>
  <c r="C9" i="2"/>
  <c r="H8" i="2"/>
  <c r="C8" i="2"/>
  <c r="H7" i="2"/>
  <c r="C7" i="2"/>
  <c r="H6" i="2"/>
  <c r="C6" i="2"/>
  <c r="H5" i="2"/>
  <c r="C5" i="2"/>
</calcChain>
</file>

<file path=xl/sharedStrings.xml><?xml version="1.0" encoding="utf-8"?>
<sst xmlns="http://schemas.openxmlformats.org/spreadsheetml/2006/main" count="66" uniqueCount="24">
  <si>
    <t>枚数</t>
    <rPh sb="0" eb="2">
      <t>マイスウ</t>
    </rPh>
    <phoneticPr fontId="2"/>
  </si>
  <si>
    <t>金額</t>
    <rPh sb="0" eb="2">
      <t>キンガク</t>
    </rPh>
    <phoneticPr fontId="2"/>
  </si>
  <si>
    <t>受取
確認</t>
    <rPh sb="0" eb="2">
      <t>ウケトリ</t>
    </rPh>
    <rPh sb="3" eb="5">
      <t>カクニン</t>
    </rPh>
    <phoneticPr fontId="2"/>
  </si>
  <si>
    <t>換金月日</t>
    <rPh sb="0" eb="2">
      <t>カンキン</t>
    </rPh>
    <rPh sb="2" eb="4">
      <t>ガッピ</t>
    </rPh>
    <phoneticPr fontId="2"/>
  </si>
  <si>
    <t>備考</t>
    <rPh sb="0" eb="2">
      <t>ビコウ</t>
    </rPh>
    <phoneticPr fontId="2"/>
  </si>
  <si>
    <t>神奈川</t>
    <rPh sb="0" eb="3">
      <t>カナガワ</t>
    </rPh>
    <phoneticPr fontId="2"/>
  </si>
  <si>
    <t>No.●に続く</t>
    <rPh sb="5" eb="6">
      <t>ツヅ</t>
    </rPh>
    <phoneticPr fontId="2"/>
  </si>
  <si>
    <t>かながわ商店会</t>
    <rPh sb="4" eb="7">
      <t>ショウテンカイ</t>
    </rPh>
    <phoneticPr fontId="2"/>
  </si>
  <si>
    <t>合 計</t>
    <rPh sb="0" eb="1">
      <t>ゴウ</t>
    </rPh>
    <rPh sb="2" eb="3">
      <t>ケイ</t>
    </rPh>
    <phoneticPr fontId="2"/>
  </si>
  <si>
    <t>小 計</t>
    <rPh sb="0" eb="1">
      <t>ショウ</t>
    </rPh>
    <rPh sb="2" eb="3">
      <t>ケイ</t>
    </rPh>
    <phoneticPr fontId="2"/>
  </si>
  <si>
    <t>　[店舗名]</t>
    <rPh sb="2" eb="4">
      <t>テンポ</t>
    </rPh>
    <rPh sb="4" eb="5">
      <t>メイ</t>
    </rPh>
    <phoneticPr fontId="2"/>
  </si>
  <si>
    <t>　[店舗名]</t>
    <phoneticPr fontId="2"/>
  </si>
  <si>
    <r>
      <t>有効期間：　</t>
    </r>
    <r>
      <rPr>
        <sz val="12"/>
        <color rgb="FFFF0000"/>
        <rFont val="ＭＳ 明朝"/>
        <family val="1"/>
        <charset val="128"/>
      </rPr>
      <t>令和●年●月●日～令和●年●月●日</t>
    </r>
    <rPh sb="0" eb="2">
      <t>ユウコウ</t>
    </rPh>
    <rPh sb="2" eb="4">
      <t>キカン</t>
    </rPh>
    <rPh sb="6" eb="8">
      <t>レイワ</t>
    </rPh>
    <rPh sb="9" eb="10">
      <t>ネン</t>
    </rPh>
    <rPh sb="11" eb="12">
      <t>ガツ</t>
    </rPh>
    <rPh sb="13" eb="14">
      <t>ニチ</t>
    </rPh>
    <rPh sb="15" eb="17">
      <t>レイワ</t>
    </rPh>
    <rPh sb="18" eb="19">
      <t>ネン</t>
    </rPh>
    <rPh sb="20" eb="21">
      <t>ガツ</t>
    </rPh>
    <rPh sb="22" eb="23">
      <t>ニチ</t>
    </rPh>
    <phoneticPr fontId="2"/>
  </si>
  <si>
    <r>
      <t>換金期限：　</t>
    </r>
    <r>
      <rPr>
        <sz val="12"/>
        <color rgb="FFFF0000"/>
        <rFont val="ＭＳ 明朝"/>
        <family val="1"/>
        <charset val="128"/>
      </rPr>
      <t>令和●年●月●日</t>
    </r>
    <rPh sb="0" eb="2">
      <t>カンキン</t>
    </rPh>
    <rPh sb="2" eb="4">
      <t>キゲン</t>
    </rPh>
    <rPh sb="6" eb="8">
      <t>レイワ</t>
    </rPh>
    <rPh sb="9" eb="10">
      <t>ネン</t>
    </rPh>
    <rPh sb="11" eb="12">
      <t>ガツ</t>
    </rPh>
    <rPh sb="13" eb="14">
      <t>ニチ</t>
    </rPh>
    <phoneticPr fontId="2"/>
  </si>
  <si>
    <t>●●商店会</t>
    <rPh sb="2" eb="5">
      <t>ショウテンカイ</t>
    </rPh>
    <phoneticPr fontId="2"/>
  </si>
  <si>
    <t>　[店舗名]Ａ鮮魚店</t>
    <rPh sb="2" eb="4">
      <t>テンポ</t>
    </rPh>
    <rPh sb="4" eb="5">
      <t>メイ</t>
    </rPh>
    <rPh sb="7" eb="9">
      <t>センギョ</t>
    </rPh>
    <rPh sb="9" eb="10">
      <t>テン</t>
    </rPh>
    <phoneticPr fontId="2"/>
  </si>
  <si>
    <t>　[店舗名]Ｂ青果店</t>
    <rPh sb="7" eb="9">
      <t>セイカ</t>
    </rPh>
    <rPh sb="9" eb="10">
      <t>テン</t>
    </rPh>
    <phoneticPr fontId="2"/>
  </si>
  <si>
    <t>　[店舗名]Ｃホームセンター</t>
    <phoneticPr fontId="2"/>
  </si>
  <si>
    <t>　[店舗名]Ｄ焼肉店</t>
    <rPh sb="7" eb="9">
      <t>ヤキニク</t>
    </rPh>
    <rPh sb="9" eb="10">
      <t>テン</t>
    </rPh>
    <phoneticPr fontId="2"/>
  </si>
  <si>
    <t>枚数：620枚
金額：310,000円</t>
    <rPh sb="0" eb="2">
      <t>マイスウ</t>
    </rPh>
    <rPh sb="6" eb="7">
      <t>マイ</t>
    </rPh>
    <rPh sb="8" eb="10">
      <t>キンガク</t>
    </rPh>
    <rPh sb="18" eb="19">
      <t>エン</t>
    </rPh>
    <phoneticPr fontId="2"/>
  </si>
  <si>
    <t>枚数：　　　　　枚
金額：　　　　　円</t>
    <rPh sb="0" eb="2">
      <t>マイスウ</t>
    </rPh>
    <rPh sb="8" eb="9">
      <t>マイ</t>
    </rPh>
    <rPh sb="10" eb="12">
      <t>キンガク</t>
    </rPh>
    <rPh sb="18" eb="19">
      <t>エン</t>
    </rPh>
    <phoneticPr fontId="2"/>
  </si>
  <si>
    <t>枚数：　　　　　枚
金額：　　　　　円</t>
    <phoneticPr fontId="2"/>
  </si>
  <si>
    <r>
      <t>有効期間：　</t>
    </r>
    <r>
      <rPr>
        <sz val="12"/>
        <color rgb="FFFF0000"/>
        <rFont val="ＭＳ 明朝"/>
        <family val="1"/>
        <charset val="128"/>
      </rPr>
      <t>令和８年６月１日～令和８年７月31日</t>
    </r>
    <rPh sb="0" eb="2">
      <t>ユウコウ</t>
    </rPh>
    <rPh sb="2" eb="4">
      <t>キカン</t>
    </rPh>
    <rPh sb="6" eb="8">
      <t>レイワ</t>
    </rPh>
    <rPh sb="9" eb="10">
      <t>ネン</t>
    </rPh>
    <rPh sb="11" eb="12">
      <t>ガツ</t>
    </rPh>
    <rPh sb="13" eb="14">
      <t>ニチ</t>
    </rPh>
    <rPh sb="15" eb="17">
      <t>レイワ</t>
    </rPh>
    <rPh sb="18" eb="19">
      <t>ネン</t>
    </rPh>
    <rPh sb="20" eb="21">
      <t>ガツ</t>
    </rPh>
    <rPh sb="23" eb="24">
      <t>ニチ</t>
    </rPh>
    <phoneticPr fontId="2"/>
  </si>
  <si>
    <r>
      <t>換金期限：　</t>
    </r>
    <r>
      <rPr>
        <sz val="12"/>
        <color rgb="FFFF0000"/>
        <rFont val="ＭＳ 明朝"/>
        <family val="1"/>
        <charset val="128"/>
      </rPr>
      <t>令和８年８月31日</t>
    </r>
    <rPh sb="0" eb="2">
      <t>カンキン</t>
    </rPh>
    <rPh sb="2" eb="4">
      <t>キゲン</t>
    </rPh>
    <rPh sb="6" eb="8">
      <t>レイワ</t>
    </rPh>
    <rPh sb="9" eb="10">
      <t>ネン</t>
    </rPh>
    <rPh sb="11" eb="12">
      <t>ガツ</t>
    </rPh>
    <rPh sb="14" eb="15">
      <t>ニ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12"/>
      <color theme="1"/>
      <name val="HGP行書体"/>
      <family val="4"/>
      <charset val="128"/>
    </font>
    <font>
      <sz val="12"/>
      <color rgb="FFFF0000"/>
      <name val="HGP行書体"/>
      <family val="4"/>
      <charset val="128"/>
    </font>
    <font>
      <sz val="12"/>
      <color rgb="FFFF0000"/>
      <name val="ＭＳ 明朝"/>
      <family val="1"/>
      <charset val="128"/>
    </font>
    <font>
      <sz val="14"/>
      <color rgb="FFFF0000"/>
      <name val="ＭＳ ゴシック"/>
      <family val="3"/>
      <charset val="128"/>
    </font>
    <font>
      <sz val="10"/>
      <color theme="1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7" tint="0.79998168889431442"/>
        <bgColor indexed="64"/>
      </patternFill>
    </fill>
  </fills>
  <borders count="29">
    <border>
      <left/>
      <right/>
      <top/>
      <bottom/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47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2" xfId="0" applyBorder="1">
      <alignment vertical="center"/>
    </xf>
    <xf numFmtId="38" fontId="0" fillId="0" borderId="2" xfId="1" applyFont="1" applyBorder="1">
      <alignment vertical="center"/>
    </xf>
    <xf numFmtId="0" fontId="0" fillId="0" borderId="3" xfId="0" applyBorder="1">
      <alignment vertical="center"/>
    </xf>
    <xf numFmtId="0" fontId="0" fillId="0" borderId="4" xfId="0" applyBorder="1">
      <alignment vertical="center"/>
    </xf>
    <xf numFmtId="56" fontId="0" fillId="0" borderId="3" xfId="0" applyNumberFormat="1" applyBorder="1">
      <alignment vertical="center"/>
    </xf>
    <xf numFmtId="0" fontId="0" fillId="0" borderId="10" xfId="0" applyBorder="1">
      <alignment vertical="center"/>
    </xf>
    <xf numFmtId="0" fontId="0" fillId="0" borderId="11" xfId="0" applyBorder="1">
      <alignment vertical="center"/>
    </xf>
    <xf numFmtId="0" fontId="0" fillId="0" borderId="12" xfId="0" applyBorder="1">
      <alignment vertical="center"/>
    </xf>
    <xf numFmtId="0" fontId="3" fillId="2" borderId="5" xfId="0" applyFont="1" applyFill="1" applyBorder="1" applyAlignment="1">
      <alignment horizontal="center" vertical="center"/>
    </xf>
    <xf numFmtId="0" fontId="3" fillId="2" borderId="6" xfId="0" applyFont="1" applyFill="1" applyBorder="1" applyAlignment="1">
      <alignment horizontal="center" vertical="center"/>
    </xf>
    <xf numFmtId="0" fontId="3" fillId="2" borderId="13" xfId="0" applyFont="1" applyFill="1" applyBorder="1" applyAlignment="1">
      <alignment horizontal="center" vertical="center" wrapText="1"/>
    </xf>
    <xf numFmtId="0" fontId="3" fillId="2" borderId="13" xfId="0" applyFont="1" applyFill="1" applyBorder="1" applyAlignment="1">
      <alignment horizontal="center" vertical="center"/>
    </xf>
    <xf numFmtId="0" fontId="3" fillId="2" borderId="7" xfId="0" applyFont="1" applyFill="1" applyBorder="1" applyAlignment="1">
      <alignment horizontal="center" vertical="center"/>
    </xf>
    <xf numFmtId="0" fontId="0" fillId="0" borderId="19" xfId="0" applyBorder="1">
      <alignment vertical="center"/>
    </xf>
    <xf numFmtId="0" fontId="0" fillId="0" borderId="20" xfId="0" applyBorder="1">
      <alignment vertical="center"/>
    </xf>
    <xf numFmtId="0" fontId="0" fillId="0" borderId="21" xfId="0" applyBorder="1">
      <alignment vertical="center"/>
    </xf>
    <xf numFmtId="38" fontId="0" fillId="0" borderId="2" xfId="1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38" fontId="5" fillId="0" borderId="2" xfId="1" applyFont="1" applyBorder="1" applyAlignment="1">
      <alignment vertical="center" textRotation="255" shrinkToFit="1"/>
    </xf>
    <xf numFmtId="38" fontId="4" fillId="0" borderId="2" xfId="1" applyFont="1" applyBorder="1" applyAlignment="1">
      <alignment horizontal="center" vertical="center"/>
    </xf>
    <xf numFmtId="0" fontId="0" fillId="0" borderId="21" xfId="0" applyBorder="1" applyAlignment="1">
      <alignment vertical="center" shrinkToFit="1"/>
    </xf>
    <xf numFmtId="56" fontId="0" fillId="0" borderId="10" xfId="0" applyNumberFormat="1" applyBorder="1">
      <alignment vertical="center"/>
    </xf>
    <xf numFmtId="56" fontId="0" fillId="0" borderId="19" xfId="0" applyNumberFormat="1" applyBorder="1">
      <alignment vertical="center"/>
    </xf>
    <xf numFmtId="38" fontId="0" fillId="0" borderId="11" xfId="1" applyFont="1" applyBorder="1">
      <alignment vertical="center"/>
    </xf>
    <xf numFmtId="38" fontId="0" fillId="0" borderId="20" xfId="1" applyFont="1" applyBorder="1">
      <alignment vertical="center"/>
    </xf>
    <xf numFmtId="38" fontId="5" fillId="0" borderId="11" xfId="1" applyFont="1" applyBorder="1" applyAlignment="1">
      <alignment vertical="center" textRotation="255" shrinkToFit="1"/>
    </xf>
    <xf numFmtId="38" fontId="5" fillId="0" borderId="20" xfId="1" applyFont="1" applyBorder="1" applyAlignment="1">
      <alignment vertical="center" textRotation="255" shrinkToFit="1"/>
    </xf>
    <xf numFmtId="0" fontId="7" fillId="0" borderId="0" xfId="0" applyFont="1">
      <alignment vertical="center"/>
    </xf>
    <xf numFmtId="0" fontId="3" fillId="2" borderId="24" xfId="0" applyFont="1" applyFill="1" applyBorder="1" applyAlignment="1">
      <alignment horizontal="center" vertical="center"/>
    </xf>
    <xf numFmtId="0" fontId="3" fillId="2" borderId="25" xfId="0" applyFont="1" applyFill="1" applyBorder="1" applyAlignment="1">
      <alignment horizontal="center" vertical="center"/>
    </xf>
    <xf numFmtId="0" fontId="8" fillId="0" borderId="26" xfId="0" applyFont="1" applyFill="1" applyBorder="1" applyAlignment="1">
      <alignment horizontal="left" vertical="center" wrapText="1"/>
    </xf>
    <xf numFmtId="0" fontId="8" fillId="0" borderId="27" xfId="0" applyFont="1" applyFill="1" applyBorder="1" applyAlignment="1">
      <alignment horizontal="left" vertical="center"/>
    </xf>
    <xf numFmtId="0" fontId="8" fillId="0" borderId="28" xfId="0" applyFont="1" applyFill="1" applyBorder="1" applyAlignment="1">
      <alignment horizontal="left" vertical="center"/>
    </xf>
    <xf numFmtId="0" fontId="3" fillId="0" borderId="8" xfId="0" applyFont="1" applyBorder="1" applyAlignment="1">
      <alignment vertical="center"/>
    </xf>
    <xf numFmtId="0" fontId="3" fillId="0" borderId="1" xfId="0" applyFont="1" applyBorder="1" applyAlignment="1">
      <alignment vertical="center"/>
    </xf>
    <xf numFmtId="0" fontId="3" fillId="0" borderId="9" xfId="0" applyFont="1" applyBorder="1" applyAlignment="1">
      <alignment vertical="center"/>
    </xf>
    <xf numFmtId="38" fontId="8" fillId="3" borderId="14" xfId="0" applyNumberFormat="1" applyFont="1" applyFill="1" applyBorder="1" applyAlignment="1">
      <alignment horizontal="left" vertical="center" wrapText="1"/>
    </xf>
    <xf numFmtId="0" fontId="8" fillId="3" borderId="15" xfId="0" applyFont="1" applyFill="1" applyBorder="1" applyAlignment="1">
      <alignment horizontal="left" vertical="center"/>
    </xf>
    <xf numFmtId="0" fontId="8" fillId="3" borderId="16" xfId="0" applyFont="1" applyFill="1" applyBorder="1" applyAlignment="1">
      <alignment horizontal="left" vertical="center"/>
    </xf>
    <xf numFmtId="0" fontId="3" fillId="3" borderId="17" xfId="0" applyFont="1" applyFill="1" applyBorder="1" applyAlignment="1">
      <alignment horizontal="center" vertical="center"/>
    </xf>
    <xf numFmtId="0" fontId="3" fillId="3" borderId="18" xfId="0" applyFont="1" applyFill="1" applyBorder="1" applyAlignment="1">
      <alignment horizontal="center" vertical="center"/>
    </xf>
    <xf numFmtId="0" fontId="3" fillId="0" borderId="22" xfId="0" applyFont="1" applyBorder="1" applyAlignment="1">
      <alignment vertical="center"/>
    </xf>
    <xf numFmtId="0" fontId="3" fillId="0" borderId="23" xfId="0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38100</xdr:colOff>
      <xdr:row>0</xdr:row>
      <xdr:rowOff>0</xdr:rowOff>
    </xdr:from>
    <xdr:to>
      <xdr:col>17</xdr:col>
      <xdr:colOff>676275</xdr:colOff>
      <xdr:row>2</xdr:row>
      <xdr:rowOff>361949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B2233E00-1797-41CB-8CBA-E006D1766433}"/>
            </a:ext>
          </a:extLst>
        </xdr:cNvPr>
        <xdr:cNvSpPr/>
      </xdr:nvSpPr>
      <xdr:spPr>
        <a:xfrm>
          <a:off x="6248400" y="0"/>
          <a:ext cx="5438775" cy="771524"/>
        </a:xfrm>
        <a:prstGeom prst="rect">
          <a:avLst/>
        </a:prstGeom>
        <a:pattFill prst="pct75">
          <a:fgClr>
            <a:schemeClr val="accent4">
              <a:lumMod val="20000"/>
              <a:lumOff val="80000"/>
            </a:schemeClr>
          </a:fgClr>
          <a:bgClr>
            <a:schemeClr val="bg1"/>
          </a:bgClr>
        </a:pattFill>
        <a:ln>
          <a:solidFill>
            <a:srgbClr val="FF0000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ctr">
            <a:spcAft>
              <a:spcPts val="0"/>
            </a:spcAft>
          </a:pPr>
          <a:r>
            <a:rPr lang="ja-JP" altLang="en-US" sz="1400" kern="100">
              <a:effectLst/>
              <a:latin typeface="Meiryo UI" panose="020B0604030504040204" pitchFamily="50" charset="-128"/>
              <a:ea typeface="Meiryo UI" panose="020B0604030504040204" pitchFamily="50" charset="-128"/>
              <a:cs typeface="Times New Roman" panose="02020603050405020304" pitchFamily="18" charset="0"/>
            </a:rPr>
            <a:t>換金月日、枚数、金額につきましては原則手書きで記入をお願いします。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72357</xdr:colOff>
      <xdr:row>5</xdr:row>
      <xdr:rowOff>13730</xdr:rowOff>
    </xdr:from>
    <xdr:to>
      <xdr:col>3</xdr:col>
      <xdr:colOff>378732</xdr:colOff>
      <xdr:row>5</xdr:row>
      <xdr:rowOff>322035</xdr:rowOff>
    </xdr:to>
    <xdr:sp macro="" textlink="">
      <xdr:nvSpPr>
        <xdr:cNvPr id="2" name="円/楕円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/>
      </xdr:nvSpPr>
      <xdr:spPr>
        <a:xfrm>
          <a:off x="2039257" y="1423430"/>
          <a:ext cx="206375" cy="295605"/>
        </a:xfrm>
        <a:prstGeom prst="ellipse">
          <a:avLst/>
        </a:prstGeom>
        <a:noFill/>
        <a:ln w="9525">
          <a:solidFill>
            <a:srgbClr val="FF0000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172357</xdr:colOff>
      <xdr:row>6</xdr:row>
      <xdr:rowOff>13730</xdr:rowOff>
    </xdr:from>
    <xdr:to>
      <xdr:col>3</xdr:col>
      <xdr:colOff>378732</xdr:colOff>
      <xdr:row>6</xdr:row>
      <xdr:rowOff>322035</xdr:rowOff>
    </xdr:to>
    <xdr:sp macro="" textlink="">
      <xdr:nvSpPr>
        <xdr:cNvPr id="3" name="円/楕円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2039257" y="1734580"/>
          <a:ext cx="206375" cy="295605"/>
        </a:xfrm>
        <a:prstGeom prst="ellipse">
          <a:avLst/>
        </a:prstGeom>
        <a:noFill/>
        <a:ln w="9525">
          <a:solidFill>
            <a:srgbClr val="FF0000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172357</xdr:colOff>
      <xdr:row>7</xdr:row>
      <xdr:rowOff>13730</xdr:rowOff>
    </xdr:from>
    <xdr:to>
      <xdr:col>3</xdr:col>
      <xdr:colOff>378732</xdr:colOff>
      <xdr:row>7</xdr:row>
      <xdr:rowOff>322035</xdr:rowOff>
    </xdr:to>
    <xdr:sp macro="" textlink="">
      <xdr:nvSpPr>
        <xdr:cNvPr id="4" name="円/楕円 3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/>
      </xdr:nvSpPr>
      <xdr:spPr>
        <a:xfrm>
          <a:off x="2039257" y="2045730"/>
          <a:ext cx="206375" cy="295605"/>
        </a:xfrm>
        <a:prstGeom prst="ellipse">
          <a:avLst/>
        </a:prstGeom>
        <a:noFill/>
        <a:ln w="9525">
          <a:solidFill>
            <a:srgbClr val="FF0000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172357</xdr:colOff>
      <xdr:row>8</xdr:row>
      <xdr:rowOff>13730</xdr:rowOff>
    </xdr:from>
    <xdr:to>
      <xdr:col>3</xdr:col>
      <xdr:colOff>378732</xdr:colOff>
      <xdr:row>8</xdr:row>
      <xdr:rowOff>322035</xdr:rowOff>
    </xdr:to>
    <xdr:sp macro="" textlink="">
      <xdr:nvSpPr>
        <xdr:cNvPr id="5" name="円/楕円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/>
      </xdr:nvSpPr>
      <xdr:spPr>
        <a:xfrm>
          <a:off x="2039257" y="2356880"/>
          <a:ext cx="206375" cy="295605"/>
        </a:xfrm>
        <a:prstGeom prst="ellipse">
          <a:avLst/>
        </a:prstGeom>
        <a:noFill/>
        <a:ln w="9525">
          <a:solidFill>
            <a:srgbClr val="FF0000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172357</xdr:colOff>
      <xdr:row>9</xdr:row>
      <xdr:rowOff>13730</xdr:rowOff>
    </xdr:from>
    <xdr:to>
      <xdr:col>3</xdr:col>
      <xdr:colOff>378732</xdr:colOff>
      <xdr:row>9</xdr:row>
      <xdr:rowOff>322035</xdr:rowOff>
    </xdr:to>
    <xdr:sp macro="" textlink="">
      <xdr:nvSpPr>
        <xdr:cNvPr id="6" name="円/楕円 5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/>
      </xdr:nvSpPr>
      <xdr:spPr>
        <a:xfrm>
          <a:off x="2039257" y="2668030"/>
          <a:ext cx="206375" cy="295605"/>
        </a:xfrm>
        <a:prstGeom prst="ellipse">
          <a:avLst/>
        </a:prstGeom>
        <a:noFill/>
        <a:ln w="9525">
          <a:solidFill>
            <a:srgbClr val="FF0000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172357</xdr:colOff>
      <xdr:row>4</xdr:row>
      <xdr:rowOff>13730</xdr:rowOff>
    </xdr:from>
    <xdr:to>
      <xdr:col>8</xdr:col>
      <xdr:colOff>378732</xdr:colOff>
      <xdr:row>4</xdr:row>
      <xdr:rowOff>322035</xdr:rowOff>
    </xdr:to>
    <xdr:sp macro="" textlink="">
      <xdr:nvSpPr>
        <xdr:cNvPr id="7" name="円/楕円 6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/>
      </xdr:nvSpPr>
      <xdr:spPr>
        <a:xfrm>
          <a:off x="5144407" y="1112280"/>
          <a:ext cx="206375" cy="295605"/>
        </a:xfrm>
        <a:prstGeom prst="ellipse">
          <a:avLst/>
        </a:prstGeom>
        <a:noFill/>
        <a:ln w="9525">
          <a:solidFill>
            <a:srgbClr val="FF0000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172357</xdr:colOff>
      <xdr:row>5</xdr:row>
      <xdr:rowOff>13730</xdr:rowOff>
    </xdr:from>
    <xdr:to>
      <xdr:col>8</xdr:col>
      <xdr:colOff>378732</xdr:colOff>
      <xdr:row>5</xdr:row>
      <xdr:rowOff>322035</xdr:rowOff>
    </xdr:to>
    <xdr:sp macro="" textlink="">
      <xdr:nvSpPr>
        <xdr:cNvPr id="8" name="円/楕円 7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/>
      </xdr:nvSpPr>
      <xdr:spPr>
        <a:xfrm>
          <a:off x="5144407" y="1423430"/>
          <a:ext cx="206375" cy="295605"/>
        </a:xfrm>
        <a:prstGeom prst="ellipse">
          <a:avLst/>
        </a:prstGeom>
        <a:noFill/>
        <a:ln w="9525">
          <a:solidFill>
            <a:srgbClr val="FF0000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172357</xdr:colOff>
      <xdr:row>7</xdr:row>
      <xdr:rowOff>13730</xdr:rowOff>
    </xdr:from>
    <xdr:to>
      <xdr:col>8</xdr:col>
      <xdr:colOff>378732</xdr:colOff>
      <xdr:row>7</xdr:row>
      <xdr:rowOff>322035</xdr:rowOff>
    </xdr:to>
    <xdr:sp macro="" textlink="">
      <xdr:nvSpPr>
        <xdr:cNvPr id="9" name="円/楕円 8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/>
      </xdr:nvSpPr>
      <xdr:spPr>
        <a:xfrm>
          <a:off x="5144407" y="2045730"/>
          <a:ext cx="206375" cy="295605"/>
        </a:xfrm>
        <a:prstGeom prst="ellipse">
          <a:avLst/>
        </a:prstGeom>
        <a:noFill/>
        <a:ln w="9525">
          <a:solidFill>
            <a:srgbClr val="FF0000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172357</xdr:colOff>
      <xdr:row>8</xdr:row>
      <xdr:rowOff>13730</xdr:rowOff>
    </xdr:from>
    <xdr:to>
      <xdr:col>8</xdr:col>
      <xdr:colOff>378732</xdr:colOff>
      <xdr:row>8</xdr:row>
      <xdr:rowOff>322035</xdr:rowOff>
    </xdr:to>
    <xdr:sp macro="" textlink="">
      <xdr:nvSpPr>
        <xdr:cNvPr id="10" name="円/楕円 9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/>
      </xdr:nvSpPr>
      <xdr:spPr>
        <a:xfrm>
          <a:off x="5144407" y="2356880"/>
          <a:ext cx="206375" cy="295605"/>
        </a:xfrm>
        <a:prstGeom prst="ellipse">
          <a:avLst/>
        </a:prstGeom>
        <a:noFill/>
        <a:ln w="9525">
          <a:solidFill>
            <a:srgbClr val="FF0000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347599</xdr:colOff>
      <xdr:row>3</xdr:row>
      <xdr:rowOff>43960</xdr:rowOff>
    </xdr:from>
    <xdr:to>
      <xdr:col>4</xdr:col>
      <xdr:colOff>620649</xdr:colOff>
      <xdr:row>3</xdr:row>
      <xdr:rowOff>274267</xdr:rowOff>
    </xdr:to>
    <xdr:sp macro="" textlink="">
      <xdr:nvSpPr>
        <xdr:cNvPr id="11" name="正方形/長方形 10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/>
      </xdr:nvSpPr>
      <xdr:spPr>
        <a:xfrm>
          <a:off x="2218407" y="835268"/>
          <a:ext cx="825011" cy="230307"/>
        </a:xfrm>
        <a:prstGeom prst="rect">
          <a:avLst/>
        </a:prstGeom>
        <a:pattFill prst="pct75">
          <a:fgClr>
            <a:schemeClr val="accent4">
              <a:lumMod val="20000"/>
              <a:lumOff val="80000"/>
            </a:schemeClr>
          </a:fgClr>
          <a:bgClr>
            <a:schemeClr val="bg1"/>
          </a:bgClr>
        </a:pattFill>
        <a:ln>
          <a:solidFill>
            <a:srgbClr val="FF0000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ea typeface="Meiryo UI" panose="020B0604030504040204" pitchFamily="50" charset="-128"/>
              <a:cs typeface="Times New Roman" panose="02020603050405020304" pitchFamily="18" charset="0"/>
            </a:rPr>
            <a:t>署名でも可</a:t>
          </a:r>
          <a:endParaRPr lang="ja-JP" sz="1050" kern="100">
            <a:effectLst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  <xdr:twoCellAnchor>
    <xdr:from>
      <xdr:col>3</xdr:col>
      <xdr:colOff>492337</xdr:colOff>
      <xdr:row>3</xdr:row>
      <xdr:rowOff>274267</xdr:rowOff>
    </xdr:from>
    <xdr:to>
      <xdr:col>4</xdr:col>
      <xdr:colOff>208144</xdr:colOff>
      <xdr:row>4</xdr:row>
      <xdr:rowOff>112851</xdr:rowOff>
    </xdr:to>
    <xdr:cxnSp macro="">
      <xdr:nvCxnSpPr>
        <xdr:cNvPr id="12" name="直線矢印コネクタ 11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CxnSpPr>
          <a:stCxn id="11" idx="2"/>
        </xdr:cNvCxnSpPr>
      </xdr:nvCxnSpPr>
      <xdr:spPr>
        <a:xfrm flipH="1">
          <a:off x="2363145" y="1065575"/>
          <a:ext cx="267768" cy="151199"/>
        </a:xfrm>
        <a:prstGeom prst="straightConnector1">
          <a:avLst/>
        </a:prstGeom>
        <a:ln w="12700"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0</xdr:col>
      <xdr:colOff>342900</xdr:colOff>
      <xdr:row>11</xdr:row>
      <xdr:rowOff>114300</xdr:rowOff>
    </xdr:from>
    <xdr:to>
      <xdr:col>9</xdr:col>
      <xdr:colOff>257175</xdr:colOff>
      <xdr:row>13</xdr:row>
      <xdr:rowOff>238124</xdr:rowOff>
    </xdr:to>
    <xdr:sp macro="" textlink="">
      <xdr:nvSpPr>
        <xdr:cNvPr id="13" name="正方形/長方形 12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/>
      </xdr:nvSpPr>
      <xdr:spPr>
        <a:xfrm>
          <a:off x="342900" y="3448050"/>
          <a:ext cx="5438775" cy="771524"/>
        </a:xfrm>
        <a:prstGeom prst="rect">
          <a:avLst/>
        </a:prstGeom>
        <a:pattFill prst="pct75">
          <a:fgClr>
            <a:schemeClr val="accent4">
              <a:lumMod val="20000"/>
              <a:lumOff val="80000"/>
            </a:schemeClr>
          </a:fgClr>
          <a:bgClr>
            <a:schemeClr val="bg1"/>
          </a:bgClr>
        </a:pattFill>
        <a:ln>
          <a:solidFill>
            <a:srgbClr val="FF0000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ctr">
            <a:spcAft>
              <a:spcPts val="0"/>
            </a:spcAft>
          </a:pPr>
          <a:r>
            <a:rPr lang="ja-JP" altLang="en-US" sz="1400" kern="100">
              <a:effectLst/>
              <a:latin typeface="Meiryo UI" panose="020B0604030504040204" pitchFamily="50" charset="-128"/>
              <a:ea typeface="Meiryo UI" panose="020B0604030504040204" pitchFamily="50" charset="-128"/>
              <a:cs typeface="Times New Roman" panose="02020603050405020304" pitchFamily="18" charset="0"/>
            </a:rPr>
            <a:t>換金月日、枚数、金額につきましては原則手書きで記入をお願いし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0000"/>
  </sheetPr>
  <dimension ref="A1:J33"/>
  <sheetViews>
    <sheetView tabSelected="1" view="pageBreakPreview" zoomScaleNormal="85" zoomScaleSheetLayoutView="100" workbookViewId="0"/>
  </sheetViews>
  <sheetFormatPr defaultRowHeight="14.25" x14ac:dyDescent="0.15"/>
  <cols>
    <col min="1" max="1" width="9.625" customWidth="1"/>
    <col min="2" max="2" width="6" style="1" customWidth="1"/>
    <col min="3" max="3" width="8.875" customWidth="1"/>
    <col min="4" max="4" width="7.25" customWidth="1"/>
    <col min="5" max="5" width="9" customWidth="1"/>
    <col min="6" max="6" width="9.625" customWidth="1"/>
    <col min="7" max="7" width="6" style="1" customWidth="1"/>
    <col min="8" max="8" width="8.875" customWidth="1"/>
    <col min="9" max="9" width="7.25" customWidth="1"/>
    <col min="10" max="10" width="9" customWidth="1"/>
  </cols>
  <sheetData>
    <row r="1" spans="1:10" ht="17.25" x14ac:dyDescent="0.15">
      <c r="A1" s="31" t="s">
        <v>14</v>
      </c>
      <c r="E1" t="s">
        <v>12</v>
      </c>
    </row>
    <row r="2" spans="1:10" ht="15" thickBot="1" x14ac:dyDescent="0.2">
      <c r="E2" t="s">
        <v>13</v>
      </c>
    </row>
    <row r="3" spans="1:10" s="1" customFormat="1" ht="29.25" customHeight="1" x14ac:dyDescent="0.15">
      <c r="A3" s="10" t="s">
        <v>3</v>
      </c>
      <c r="B3" s="11" t="s">
        <v>0</v>
      </c>
      <c r="C3" s="11" t="s">
        <v>1</v>
      </c>
      <c r="D3" s="12" t="s">
        <v>2</v>
      </c>
      <c r="E3" s="13" t="s">
        <v>4</v>
      </c>
      <c r="F3" s="10" t="s">
        <v>3</v>
      </c>
      <c r="G3" s="11" t="s">
        <v>0</v>
      </c>
      <c r="H3" s="11" t="s">
        <v>1</v>
      </c>
      <c r="I3" s="12" t="s">
        <v>2</v>
      </c>
      <c r="J3" s="14" t="s">
        <v>4</v>
      </c>
    </row>
    <row r="4" spans="1:10" ht="24" customHeight="1" x14ac:dyDescent="0.15">
      <c r="A4" s="37" t="s">
        <v>10</v>
      </c>
      <c r="B4" s="38"/>
      <c r="C4" s="38"/>
      <c r="D4" s="38"/>
      <c r="E4" s="38"/>
      <c r="F4" s="38"/>
      <c r="G4" s="38"/>
      <c r="H4" s="38"/>
      <c r="I4" s="38"/>
      <c r="J4" s="39"/>
    </row>
    <row r="5" spans="1:10" ht="25.5" customHeight="1" x14ac:dyDescent="0.15">
      <c r="A5" s="6"/>
      <c r="B5" s="18"/>
      <c r="C5" s="3"/>
      <c r="D5" s="23"/>
      <c r="E5" s="5"/>
      <c r="F5" s="6"/>
      <c r="G5" s="18"/>
      <c r="H5" s="3"/>
      <c r="I5" s="22"/>
      <c r="J5" s="5"/>
    </row>
    <row r="6" spans="1:10" ht="25.5" customHeight="1" x14ac:dyDescent="0.15">
      <c r="A6" s="6"/>
      <c r="B6" s="19"/>
      <c r="C6" s="3"/>
      <c r="D6" s="22"/>
      <c r="E6" s="5"/>
      <c r="F6" s="6"/>
      <c r="G6" s="19"/>
      <c r="H6" s="3"/>
      <c r="I6" s="22"/>
      <c r="J6" s="5"/>
    </row>
    <row r="7" spans="1:10" ht="25.5" customHeight="1" x14ac:dyDescent="0.15">
      <c r="A7" s="6"/>
      <c r="B7" s="19"/>
      <c r="C7" s="3"/>
      <c r="D7" s="22"/>
      <c r="E7" s="5"/>
      <c r="F7" s="6"/>
      <c r="G7" s="19"/>
      <c r="H7" s="3"/>
      <c r="I7" s="23"/>
      <c r="J7" s="5"/>
    </row>
    <row r="8" spans="1:10" ht="25.5" customHeight="1" x14ac:dyDescent="0.15">
      <c r="A8" s="6"/>
      <c r="B8" s="19"/>
      <c r="C8" s="3"/>
      <c r="D8" s="22"/>
      <c r="E8" s="5"/>
      <c r="F8" s="6"/>
      <c r="G8" s="19"/>
      <c r="H8" s="3"/>
      <c r="I8" s="22"/>
      <c r="J8" s="5"/>
    </row>
    <row r="9" spans="1:10" ht="25.5" customHeight="1" x14ac:dyDescent="0.15">
      <c r="A9" s="6"/>
      <c r="B9" s="19"/>
      <c r="C9" s="3"/>
      <c r="D9" s="22"/>
      <c r="E9" s="5"/>
      <c r="F9" s="26"/>
      <c r="G9" s="21"/>
      <c r="H9" s="28"/>
      <c r="I9" s="30"/>
      <c r="J9" s="24"/>
    </row>
    <row r="10" spans="1:10" ht="25.5" customHeight="1" thickBot="1" x14ac:dyDescent="0.2">
      <c r="A10" s="25"/>
      <c r="B10" s="20"/>
      <c r="C10" s="27"/>
      <c r="D10" s="29"/>
      <c r="E10" s="9"/>
      <c r="F10" s="43" t="s">
        <v>9</v>
      </c>
      <c r="G10" s="44"/>
      <c r="H10" s="40" t="s">
        <v>20</v>
      </c>
      <c r="I10" s="41"/>
      <c r="J10" s="42"/>
    </row>
    <row r="11" spans="1:10" ht="24" customHeight="1" x14ac:dyDescent="0.15">
      <c r="A11" s="45" t="s">
        <v>11</v>
      </c>
      <c r="B11" s="38"/>
      <c r="C11" s="46"/>
      <c r="D11" s="46"/>
      <c r="E11" s="38"/>
      <c r="F11" s="38"/>
      <c r="G11" s="38"/>
      <c r="H11" s="38"/>
      <c r="I11" s="38"/>
      <c r="J11" s="39"/>
    </row>
    <row r="12" spans="1:10" ht="25.5" customHeight="1" x14ac:dyDescent="0.15">
      <c r="A12" s="6"/>
      <c r="B12" s="18"/>
      <c r="C12" s="3"/>
      <c r="D12" s="3"/>
      <c r="E12" s="5"/>
      <c r="F12" s="6"/>
      <c r="G12" s="18"/>
      <c r="H12" s="3"/>
      <c r="I12" s="3"/>
      <c r="J12" s="5"/>
    </row>
    <row r="13" spans="1:10" ht="25.5" customHeight="1" x14ac:dyDescent="0.15">
      <c r="A13" s="4"/>
      <c r="B13" s="19"/>
      <c r="C13" s="2"/>
      <c r="D13" s="2"/>
      <c r="E13" s="5"/>
      <c r="F13" s="4"/>
      <c r="G13" s="19"/>
      <c r="H13" s="2"/>
      <c r="I13" s="2"/>
      <c r="J13" s="5"/>
    </row>
    <row r="14" spans="1:10" ht="25.5" customHeight="1" x14ac:dyDescent="0.15">
      <c r="A14" s="4"/>
      <c r="B14" s="19"/>
      <c r="C14" s="2"/>
      <c r="D14" s="2"/>
      <c r="E14" s="5"/>
      <c r="F14" s="4"/>
      <c r="G14" s="19"/>
      <c r="H14" s="2"/>
      <c r="I14" s="2"/>
      <c r="J14" s="5"/>
    </row>
    <row r="15" spans="1:10" ht="25.5" customHeight="1" x14ac:dyDescent="0.15">
      <c r="A15" s="4"/>
      <c r="B15" s="19"/>
      <c r="C15" s="2"/>
      <c r="D15" s="2"/>
      <c r="E15" s="5"/>
      <c r="F15" s="4"/>
      <c r="G15" s="19"/>
      <c r="H15" s="2"/>
      <c r="I15" s="2"/>
      <c r="J15" s="5"/>
    </row>
    <row r="16" spans="1:10" ht="25.5" customHeight="1" x14ac:dyDescent="0.15">
      <c r="A16" s="4"/>
      <c r="B16" s="19"/>
      <c r="C16" s="2"/>
      <c r="D16" s="2"/>
      <c r="E16" s="5"/>
      <c r="F16" s="15"/>
      <c r="G16" s="21"/>
      <c r="H16" s="16"/>
      <c r="I16" s="16"/>
      <c r="J16" s="17"/>
    </row>
    <row r="17" spans="1:10" ht="25.5" customHeight="1" thickBot="1" x14ac:dyDescent="0.2">
      <c r="A17" s="7"/>
      <c r="B17" s="20"/>
      <c r="C17" s="8"/>
      <c r="D17" s="8"/>
      <c r="E17" s="9"/>
      <c r="F17" s="43" t="s">
        <v>9</v>
      </c>
      <c r="G17" s="44"/>
      <c r="H17" s="40" t="s">
        <v>20</v>
      </c>
      <c r="I17" s="41"/>
      <c r="J17" s="42"/>
    </row>
    <row r="18" spans="1:10" ht="24" customHeight="1" x14ac:dyDescent="0.15">
      <c r="A18" s="37" t="s">
        <v>11</v>
      </c>
      <c r="B18" s="38"/>
      <c r="C18" s="38"/>
      <c r="D18" s="38"/>
      <c r="E18" s="38"/>
      <c r="F18" s="38"/>
      <c r="G18" s="38"/>
      <c r="H18" s="38"/>
      <c r="I18" s="38"/>
      <c r="J18" s="39"/>
    </row>
    <row r="19" spans="1:10" ht="25.5" customHeight="1" x14ac:dyDescent="0.15">
      <c r="A19" s="6"/>
      <c r="B19" s="18"/>
      <c r="C19" s="3"/>
      <c r="D19" s="3"/>
      <c r="E19" s="5"/>
      <c r="F19" s="6"/>
      <c r="G19" s="18"/>
      <c r="H19" s="3"/>
      <c r="I19" s="3"/>
      <c r="J19" s="5"/>
    </row>
    <row r="20" spans="1:10" ht="25.5" customHeight="1" x14ac:dyDescent="0.15">
      <c r="A20" s="4"/>
      <c r="B20" s="19"/>
      <c r="C20" s="2"/>
      <c r="D20" s="2"/>
      <c r="E20" s="5"/>
      <c r="F20" s="4"/>
      <c r="G20" s="19"/>
      <c r="H20" s="2"/>
      <c r="I20" s="2"/>
      <c r="J20" s="5"/>
    </row>
    <row r="21" spans="1:10" ht="25.5" customHeight="1" x14ac:dyDescent="0.15">
      <c r="A21" s="4"/>
      <c r="B21" s="19"/>
      <c r="C21" s="2"/>
      <c r="D21" s="2"/>
      <c r="E21" s="5"/>
      <c r="F21" s="4"/>
      <c r="G21" s="19"/>
      <c r="H21" s="2"/>
      <c r="I21" s="2"/>
      <c r="J21" s="5"/>
    </row>
    <row r="22" spans="1:10" ht="25.5" customHeight="1" x14ac:dyDescent="0.15">
      <c r="A22" s="4"/>
      <c r="B22" s="19"/>
      <c r="C22" s="2"/>
      <c r="D22" s="2"/>
      <c r="E22" s="5"/>
      <c r="F22" s="4"/>
      <c r="G22" s="19"/>
      <c r="H22" s="2"/>
      <c r="I22" s="2"/>
      <c r="J22" s="5"/>
    </row>
    <row r="23" spans="1:10" ht="25.5" customHeight="1" x14ac:dyDescent="0.15">
      <c r="A23" s="4"/>
      <c r="B23" s="19"/>
      <c r="C23" s="2"/>
      <c r="D23" s="2"/>
      <c r="E23" s="5"/>
      <c r="F23" s="15"/>
      <c r="G23" s="21"/>
      <c r="H23" s="16"/>
      <c r="I23" s="16"/>
      <c r="J23" s="17"/>
    </row>
    <row r="24" spans="1:10" ht="25.5" customHeight="1" thickBot="1" x14ac:dyDescent="0.2">
      <c r="A24" s="7"/>
      <c r="B24" s="20"/>
      <c r="C24" s="8"/>
      <c r="D24" s="8"/>
      <c r="E24" s="9"/>
      <c r="F24" s="43" t="s">
        <v>9</v>
      </c>
      <c r="G24" s="44"/>
      <c r="H24" s="40" t="s">
        <v>20</v>
      </c>
      <c r="I24" s="41"/>
      <c r="J24" s="42"/>
    </row>
    <row r="25" spans="1:10" ht="24" customHeight="1" x14ac:dyDescent="0.15">
      <c r="A25" s="37" t="s">
        <v>11</v>
      </c>
      <c r="B25" s="38"/>
      <c r="C25" s="38"/>
      <c r="D25" s="38"/>
      <c r="E25" s="38"/>
      <c r="F25" s="38"/>
      <c r="G25" s="38"/>
      <c r="H25" s="38"/>
      <c r="I25" s="38"/>
      <c r="J25" s="39"/>
    </row>
    <row r="26" spans="1:10" ht="25.5" customHeight="1" x14ac:dyDescent="0.15">
      <c r="A26" s="6"/>
      <c r="B26" s="18"/>
      <c r="C26" s="3"/>
      <c r="D26" s="3"/>
      <c r="E26" s="5"/>
      <c r="F26" s="6"/>
      <c r="G26" s="18"/>
      <c r="H26" s="3"/>
      <c r="I26" s="3"/>
      <c r="J26" s="5"/>
    </row>
    <row r="27" spans="1:10" ht="25.5" customHeight="1" x14ac:dyDescent="0.15">
      <c r="A27" s="4"/>
      <c r="B27" s="19"/>
      <c r="C27" s="2"/>
      <c r="D27" s="2"/>
      <c r="E27" s="5"/>
      <c r="F27" s="4"/>
      <c r="G27" s="19"/>
      <c r="H27" s="2"/>
      <c r="I27" s="2"/>
      <c r="J27" s="5"/>
    </row>
    <row r="28" spans="1:10" ht="25.5" customHeight="1" x14ac:dyDescent="0.15">
      <c r="A28" s="4"/>
      <c r="B28" s="19"/>
      <c r="C28" s="2"/>
      <c r="D28" s="2"/>
      <c r="E28" s="5"/>
      <c r="F28" s="4"/>
      <c r="G28" s="19"/>
      <c r="H28" s="2"/>
      <c r="I28" s="2"/>
      <c r="J28" s="5"/>
    </row>
    <row r="29" spans="1:10" ht="25.5" customHeight="1" x14ac:dyDescent="0.15">
      <c r="A29" s="4"/>
      <c r="B29" s="19"/>
      <c r="C29" s="2"/>
      <c r="D29" s="2"/>
      <c r="E29" s="5"/>
      <c r="F29" s="4"/>
      <c r="G29" s="19"/>
      <c r="H29" s="2"/>
      <c r="I29" s="2"/>
      <c r="J29" s="5"/>
    </row>
    <row r="30" spans="1:10" ht="25.5" customHeight="1" x14ac:dyDescent="0.15">
      <c r="A30" s="4"/>
      <c r="B30" s="19"/>
      <c r="C30" s="2"/>
      <c r="D30" s="2"/>
      <c r="E30" s="5"/>
      <c r="F30" s="15"/>
      <c r="G30" s="21"/>
      <c r="H30" s="16"/>
      <c r="I30" s="16"/>
      <c r="J30" s="17"/>
    </row>
    <row r="31" spans="1:10" ht="25.5" customHeight="1" thickBot="1" x14ac:dyDescent="0.2">
      <c r="A31" s="7"/>
      <c r="B31" s="20"/>
      <c r="C31" s="8"/>
      <c r="D31" s="8"/>
      <c r="E31" s="9"/>
      <c r="F31" s="43" t="s">
        <v>9</v>
      </c>
      <c r="G31" s="44"/>
      <c r="H31" s="40" t="s">
        <v>20</v>
      </c>
      <c r="I31" s="41"/>
      <c r="J31" s="42"/>
    </row>
    <row r="32" spans="1:10" ht="7.9" customHeight="1" thickBot="1" x14ac:dyDescent="0.2"/>
    <row r="33" spans="6:10" ht="25.5" customHeight="1" thickBot="1" x14ac:dyDescent="0.2">
      <c r="F33" s="32" t="s">
        <v>8</v>
      </c>
      <c r="G33" s="33"/>
      <c r="H33" s="34" t="s">
        <v>21</v>
      </c>
      <c r="I33" s="35"/>
      <c r="J33" s="36"/>
    </row>
  </sheetData>
  <mergeCells count="14">
    <mergeCell ref="F10:G10"/>
    <mergeCell ref="F17:G17"/>
    <mergeCell ref="F24:G24"/>
    <mergeCell ref="H24:J24"/>
    <mergeCell ref="A4:J4"/>
    <mergeCell ref="H10:J10"/>
    <mergeCell ref="A11:J11"/>
    <mergeCell ref="H17:J17"/>
    <mergeCell ref="A18:J18"/>
    <mergeCell ref="F33:G33"/>
    <mergeCell ref="H33:J33"/>
    <mergeCell ref="A25:J25"/>
    <mergeCell ref="H31:J31"/>
    <mergeCell ref="F31:G31"/>
  </mergeCells>
  <phoneticPr fontId="2"/>
  <printOptions horizontalCentered="1"/>
  <pageMargins left="0.70866141732283472" right="0.70866141732283472" top="0.78740157480314965" bottom="0.59055118110236227" header="0.39370078740157483" footer="0.31496062992125984"/>
  <pageSetup paperSize="9" orientation="portrait" r:id="rId1"/>
  <headerFooter>
    <oddHeader>&amp;Cプレミアム商品券 換金台帳&amp;R&amp;"ＭＳ ゴシック,標準"&amp;14Ｎｏ.　　</oddHeader>
  </headerFooter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7" tint="0.79998168889431442"/>
  </sheetPr>
  <dimension ref="A1:J33"/>
  <sheetViews>
    <sheetView view="pageBreakPreview" zoomScaleNormal="85" zoomScaleSheetLayoutView="100" workbookViewId="0">
      <selection activeCell="E1" sqref="E1"/>
    </sheetView>
  </sheetViews>
  <sheetFormatPr defaultRowHeight="14.25" x14ac:dyDescent="0.15"/>
  <cols>
    <col min="1" max="1" width="9.625" customWidth="1"/>
    <col min="2" max="2" width="6" style="1" customWidth="1"/>
    <col min="3" max="3" width="8.875" customWidth="1"/>
    <col min="4" max="4" width="7.25" customWidth="1"/>
    <col min="5" max="5" width="9" customWidth="1"/>
    <col min="6" max="6" width="9.625" customWidth="1"/>
    <col min="7" max="7" width="6" style="1" customWidth="1"/>
    <col min="8" max="8" width="8.875" customWidth="1"/>
    <col min="9" max="9" width="7.25" customWidth="1"/>
    <col min="10" max="10" width="9" customWidth="1"/>
  </cols>
  <sheetData>
    <row r="1" spans="1:10" ht="17.25" x14ac:dyDescent="0.15">
      <c r="A1" s="31" t="s">
        <v>7</v>
      </c>
      <c r="E1" t="s">
        <v>22</v>
      </c>
    </row>
    <row r="2" spans="1:10" ht="15" thickBot="1" x14ac:dyDescent="0.2">
      <c r="E2" t="s">
        <v>23</v>
      </c>
    </row>
    <row r="3" spans="1:10" s="1" customFormat="1" ht="29.25" customHeight="1" x14ac:dyDescent="0.15">
      <c r="A3" s="10" t="s">
        <v>3</v>
      </c>
      <c r="B3" s="11" t="s">
        <v>0</v>
      </c>
      <c r="C3" s="11" t="s">
        <v>1</v>
      </c>
      <c r="D3" s="12" t="s">
        <v>2</v>
      </c>
      <c r="E3" s="13" t="s">
        <v>4</v>
      </c>
      <c r="F3" s="10" t="s">
        <v>3</v>
      </c>
      <c r="G3" s="11" t="s">
        <v>0</v>
      </c>
      <c r="H3" s="11" t="s">
        <v>1</v>
      </c>
      <c r="I3" s="12" t="s">
        <v>2</v>
      </c>
      <c r="J3" s="14" t="s">
        <v>4</v>
      </c>
    </row>
    <row r="4" spans="1:10" ht="24" customHeight="1" x14ac:dyDescent="0.15">
      <c r="A4" s="37" t="s">
        <v>15</v>
      </c>
      <c r="B4" s="38"/>
      <c r="C4" s="38"/>
      <c r="D4" s="38"/>
      <c r="E4" s="38"/>
      <c r="F4" s="38"/>
      <c r="G4" s="38"/>
      <c r="H4" s="38"/>
      <c r="I4" s="38"/>
      <c r="J4" s="39"/>
    </row>
    <row r="5" spans="1:10" ht="25.5" customHeight="1" x14ac:dyDescent="0.15">
      <c r="A5" s="6">
        <v>46188</v>
      </c>
      <c r="B5" s="18">
        <v>50</v>
      </c>
      <c r="C5" s="3">
        <f>B5*500</f>
        <v>25000</v>
      </c>
      <c r="D5" s="23" t="s">
        <v>5</v>
      </c>
      <c r="E5" s="5"/>
      <c r="F5" s="6">
        <f>A10+7</f>
        <v>46230</v>
      </c>
      <c r="G5" s="18">
        <v>50</v>
      </c>
      <c r="H5" s="3">
        <f>G5*500</f>
        <v>25000</v>
      </c>
      <c r="I5" s="22" t="s">
        <v>5</v>
      </c>
      <c r="J5" s="5"/>
    </row>
    <row r="6" spans="1:10" ht="25.5" customHeight="1" x14ac:dyDescent="0.15">
      <c r="A6" s="6">
        <f>A5+7</f>
        <v>46195</v>
      </c>
      <c r="B6" s="19">
        <v>100</v>
      </c>
      <c r="C6" s="3">
        <f t="shared" ref="C6:C10" si="0">B6*500</f>
        <v>50000</v>
      </c>
      <c r="D6" s="22" t="s">
        <v>5</v>
      </c>
      <c r="E6" s="5"/>
      <c r="F6" s="6">
        <f>F5+7</f>
        <v>46237</v>
      </c>
      <c r="G6" s="19">
        <v>40</v>
      </c>
      <c r="H6" s="3">
        <f t="shared" ref="H6:H9" si="1">G6*500</f>
        <v>20000</v>
      </c>
      <c r="I6" s="22" t="s">
        <v>5</v>
      </c>
      <c r="J6" s="5"/>
    </row>
    <row r="7" spans="1:10" ht="25.5" customHeight="1" x14ac:dyDescent="0.15">
      <c r="A7" s="6">
        <f>A6+7</f>
        <v>46202</v>
      </c>
      <c r="B7" s="19">
        <v>100</v>
      </c>
      <c r="C7" s="3">
        <f t="shared" si="0"/>
        <v>50000</v>
      </c>
      <c r="D7" s="22" t="s">
        <v>5</v>
      </c>
      <c r="E7" s="5"/>
      <c r="F7" s="6">
        <f>F6+7</f>
        <v>46244</v>
      </c>
      <c r="G7" s="19">
        <v>40</v>
      </c>
      <c r="H7" s="3">
        <f t="shared" si="1"/>
        <v>20000</v>
      </c>
      <c r="I7" s="23" t="s">
        <v>5</v>
      </c>
      <c r="J7" s="5"/>
    </row>
    <row r="8" spans="1:10" ht="25.5" customHeight="1" x14ac:dyDescent="0.15">
      <c r="A8" s="6">
        <f>A7+7</f>
        <v>46209</v>
      </c>
      <c r="B8" s="19">
        <v>20</v>
      </c>
      <c r="C8" s="3">
        <f t="shared" si="0"/>
        <v>10000</v>
      </c>
      <c r="D8" s="22" t="s">
        <v>5</v>
      </c>
      <c r="E8" s="5"/>
      <c r="F8" s="6">
        <f>F7+5</f>
        <v>46249</v>
      </c>
      <c r="G8" s="19">
        <v>50</v>
      </c>
      <c r="H8" s="3">
        <f t="shared" si="1"/>
        <v>25000</v>
      </c>
      <c r="I8" s="22" t="s">
        <v>5</v>
      </c>
      <c r="J8" s="5"/>
    </row>
    <row r="9" spans="1:10" ht="25.5" customHeight="1" x14ac:dyDescent="0.15">
      <c r="A9" s="6">
        <f>A8+7</f>
        <v>46216</v>
      </c>
      <c r="B9" s="19">
        <v>50</v>
      </c>
      <c r="C9" s="3">
        <f t="shared" si="0"/>
        <v>25000</v>
      </c>
      <c r="D9" s="22" t="s">
        <v>5</v>
      </c>
      <c r="E9" s="5"/>
      <c r="F9" s="26">
        <f>F8+7</f>
        <v>46256</v>
      </c>
      <c r="G9" s="21">
        <v>20</v>
      </c>
      <c r="H9" s="28">
        <f t="shared" si="1"/>
        <v>10000</v>
      </c>
      <c r="I9" s="30" t="s">
        <v>5</v>
      </c>
      <c r="J9" s="24" t="s">
        <v>6</v>
      </c>
    </row>
    <row r="10" spans="1:10" ht="25.5" customHeight="1" thickBot="1" x14ac:dyDescent="0.2">
      <c r="A10" s="25">
        <f>A9+7</f>
        <v>46223</v>
      </c>
      <c r="B10" s="20">
        <v>100</v>
      </c>
      <c r="C10" s="27">
        <f t="shared" si="0"/>
        <v>50000</v>
      </c>
      <c r="D10" s="29" t="s">
        <v>5</v>
      </c>
      <c r="E10" s="9"/>
      <c r="F10" s="43" t="s">
        <v>9</v>
      </c>
      <c r="G10" s="44"/>
      <c r="H10" s="40" t="s">
        <v>19</v>
      </c>
      <c r="I10" s="41"/>
      <c r="J10" s="42"/>
    </row>
    <row r="11" spans="1:10" ht="24.4" customHeight="1" x14ac:dyDescent="0.15">
      <c r="A11" s="45" t="s">
        <v>16</v>
      </c>
      <c r="B11" s="38"/>
      <c r="C11" s="46"/>
      <c r="D11" s="46"/>
      <c r="E11" s="38"/>
      <c r="F11" s="38"/>
      <c r="G11" s="38"/>
      <c r="H11" s="38"/>
      <c r="I11" s="38"/>
      <c r="J11" s="39"/>
    </row>
    <row r="12" spans="1:10" ht="25.5" customHeight="1" x14ac:dyDescent="0.15">
      <c r="A12" s="6"/>
      <c r="B12" s="18"/>
      <c r="C12" s="3"/>
      <c r="D12" s="3"/>
      <c r="E12" s="5"/>
      <c r="F12" s="6"/>
      <c r="G12" s="18"/>
      <c r="H12" s="3"/>
      <c r="I12" s="3"/>
      <c r="J12" s="5"/>
    </row>
    <row r="13" spans="1:10" ht="25.5" customHeight="1" x14ac:dyDescent="0.15">
      <c r="A13" s="4"/>
      <c r="B13" s="19"/>
      <c r="C13" s="2"/>
      <c r="D13" s="2"/>
      <c r="E13" s="5"/>
      <c r="F13" s="4"/>
      <c r="G13" s="19"/>
      <c r="H13" s="2"/>
      <c r="I13" s="2"/>
      <c r="J13" s="5"/>
    </row>
    <row r="14" spans="1:10" ht="25.5" customHeight="1" x14ac:dyDescent="0.15">
      <c r="A14" s="4"/>
      <c r="B14" s="19"/>
      <c r="C14" s="2"/>
      <c r="D14" s="2"/>
      <c r="E14" s="5"/>
      <c r="F14" s="4"/>
      <c r="G14" s="19"/>
      <c r="H14" s="2"/>
      <c r="I14" s="2"/>
      <c r="J14" s="5"/>
    </row>
    <row r="15" spans="1:10" ht="25.5" customHeight="1" x14ac:dyDescent="0.15">
      <c r="A15" s="4"/>
      <c r="B15" s="19"/>
      <c r="C15" s="2"/>
      <c r="D15" s="2"/>
      <c r="E15" s="5"/>
      <c r="F15" s="4"/>
      <c r="G15" s="19"/>
      <c r="H15" s="2"/>
      <c r="I15" s="2"/>
      <c r="J15" s="5"/>
    </row>
    <row r="16" spans="1:10" ht="25.5" customHeight="1" x14ac:dyDescent="0.15">
      <c r="A16" s="4"/>
      <c r="B16" s="19"/>
      <c r="C16" s="2"/>
      <c r="D16" s="2"/>
      <c r="E16" s="5"/>
      <c r="F16" s="15"/>
      <c r="G16" s="21"/>
      <c r="H16" s="16"/>
      <c r="I16" s="16"/>
      <c r="J16" s="17"/>
    </row>
    <row r="17" spans="1:10" ht="25.5" customHeight="1" thickBot="1" x14ac:dyDescent="0.2">
      <c r="A17" s="7"/>
      <c r="B17" s="20"/>
      <c r="C17" s="8"/>
      <c r="D17" s="8"/>
      <c r="E17" s="9"/>
      <c r="F17" s="43" t="s">
        <v>9</v>
      </c>
      <c r="G17" s="44"/>
      <c r="H17" s="40" t="s">
        <v>20</v>
      </c>
      <c r="I17" s="41"/>
      <c r="J17" s="42"/>
    </row>
    <row r="18" spans="1:10" ht="24.4" customHeight="1" x14ac:dyDescent="0.15">
      <c r="A18" s="37" t="s">
        <v>17</v>
      </c>
      <c r="B18" s="38"/>
      <c r="C18" s="38"/>
      <c r="D18" s="38"/>
      <c r="E18" s="38"/>
      <c r="F18" s="38"/>
      <c r="G18" s="38"/>
      <c r="H18" s="38"/>
      <c r="I18" s="38"/>
      <c r="J18" s="39"/>
    </row>
    <row r="19" spans="1:10" ht="25.5" customHeight="1" x14ac:dyDescent="0.15">
      <c r="A19" s="6"/>
      <c r="B19" s="18"/>
      <c r="C19" s="3"/>
      <c r="D19" s="3"/>
      <c r="E19" s="5"/>
      <c r="F19" s="6"/>
      <c r="G19" s="18"/>
      <c r="H19" s="3"/>
      <c r="I19" s="3"/>
      <c r="J19" s="5"/>
    </row>
    <row r="20" spans="1:10" ht="25.5" customHeight="1" x14ac:dyDescent="0.15">
      <c r="A20" s="4"/>
      <c r="B20" s="19"/>
      <c r="C20" s="2"/>
      <c r="D20" s="2"/>
      <c r="E20" s="5"/>
      <c r="F20" s="4"/>
      <c r="G20" s="19"/>
      <c r="H20" s="2"/>
      <c r="I20" s="2"/>
      <c r="J20" s="5"/>
    </row>
    <row r="21" spans="1:10" ht="25.5" customHeight="1" x14ac:dyDescent="0.15">
      <c r="A21" s="4"/>
      <c r="B21" s="19"/>
      <c r="C21" s="2"/>
      <c r="D21" s="2"/>
      <c r="E21" s="5"/>
      <c r="F21" s="4"/>
      <c r="G21" s="19"/>
      <c r="H21" s="2"/>
      <c r="I21" s="2"/>
      <c r="J21" s="5"/>
    </row>
    <row r="22" spans="1:10" ht="25.5" customHeight="1" x14ac:dyDescent="0.15">
      <c r="A22" s="4"/>
      <c r="B22" s="19"/>
      <c r="C22" s="2"/>
      <c r="D22" s="2"/>
      <c r="E22" s="5"/>
      <c r="F22" s="4"/>
      <c r="G22" s="19"/>
      <c r="H22" s="2"/>
      <c r="I22" s="2"/>
      <c r="J22" s="5"/>
    </row>
    <row r="23" spans="1:10" ht="25.5" customHeight="1" x14ac:dyDescent="0.15">
      <c r="A23" s="4"/>
      <c r="B23" s="19"/>
      <c r="C23" s="2"/>
      <c r="D23" s="2"/>
      <c r="E23" s="5"/>
      <c r="F23" s="15"/>
      <c r="G23" s="21"/>
      <c r="H23" s="16"/>
      <c r="I23" s="16"/>
      <c r="J23" s="17"/>
    </row>
    <row r="24" spans="1:10" ht="25.5" customHeight="1" thickBot="1" x14ac:dyDescent="0.2">
      <c r="A24" s="7"/>
      <c r="B24" s="20"/>
      <c r="C24" s="8"/>
      <c r="D24" s="8"/>
      <c r="E24" s="9"/>
      <c r="F24" s="43" t="s">
        <v>9</v>
      </c>
      <c r="G24" s="44"/>
      <c r="H24" s="40" t="s">
        <v>20</v>
      </c>
      <c r="I24" s="41"/>
      <c r="J24" s="42"/>
    </row>
    <row r="25" spans="1:10" ht="24.4" customHeight="1" x14ac:dyDescent="0.15">
      <c r="A25" s="37" t="s">
        <v>18</v>
      </c>
      <c r="B25" s="38"/>
      <c r="C25" s="38"/>
      <c r="D25" s="38"/>
      <c r="E25" s="38"/>
      <c r="F25" s="38"/>
      <c r="G25" s="38"/>
      <c r="H25" s="38"/>
      <c r="I25" s="38"/>
      <c r="J25" s="39"/>
    </row>
    <row r="26" spans="1:10" ht="25.5" customHeight="1" x14ac:dyDescent="0.15">
      <c r="A26" s="6"/>
      <c r="B26" s="18"/>
      <c r="C26" s="3"/>
      <c r="D26" s="3"/>
      <c r="E26" s="5"/>
      <c r="F26" s="6"/>
      <c r="G26" s="18"/>
      <c r="H26" s="3"/>
      <c r="I26" s="3"/>
      <c r="J26" s="5"/>
    </row>
    <row r="27" spans="1:10" ht="25.5" customHeight="1" x14ac:dyDescent="0.15">
      <c r="A27" s="4"/>
      <c r="B27" s="19"/>
      <c r="C27" s="2"/>
      <c r="D27" s="2"/>
      <c r="E27" s="5"/>
      <c r="F27" s="4"/>
      <c r="G27" s="19"/>
      <c r="H27" s="2"/>
      <c r="I27" s="2"/>
      <c r="J27" s="5"/>
    </row>
    <row r="28" spans="1:10" ht="25.5" customHeight="1" x14ac:dyDescent="0.15">
      <c r="A28" s="4"/>
      <c r="B28" s="19"/>
      <c r="C28" s="2"/>
      <c r="D28" s="2"/>
      <c r="E28" s="5"/>
      <c r="F28" s="4"/>
      <c r="G28" s="19"/>
      <c r="H28" s="2"/>
      <c r="I28" s="2"/>
      <c r="J28" s="5"/>
    </row>
    <row r="29" spans="1:10" ht="25.5" customHeight="1" x14ac:dyDescent="0.15">
      <c r="A29" s="4"/>
      <c r="B29" s="19"/>
      <c r="C29" s="2"/>
      <c r="D29" s="2"/>
      <c r="E29" s="5"/>
      <c r="F29" s="4"/>
      <c r="G29" s="19"/>
      <c r="H29" s="2"/>
      <c r="I29" s="2"/>
      <c r="J29" s="5"/>
    </row>
    <row r="30" spans="1:10" ht="25.5" customHeight="1" x14ac:dyDescent="0.15">
      <c r="A30" s="4"/>
      <c r="B30" s="19"/>
      <c r="C30" s="2"/>
      <c r="D30" s="2"/>
      <c r="E30" s="5"/>
      <c r="F30" s="15"/>
      <c r="G30" s="21"/>
      <c r="H30" s="16"/>
      <c r="I30" s="16"/>
      <c r="J30" s="17"/>
    </row>
    <row r="31" spans="1:10" ht="25.5" customHeight="1" thickBot="1" x14ac:dyDescent="0.2">
      <c r="A31" s="7"/>
      <c r="B31" s="20"/>
      <c r="C31" s="8"/>
      <c r="D31" s="8"/>
      <c r="E31" s="9"/>
      <c r="F31" s="43" t="s">
        <v>9</v>
      </c>
      <c r="G31" s="44"/>
      <c r="H31" s="40" t="s">
        <v>20</v>
      </c>
      <c r="I31" s="41"/>
      <c r="J31" s="42"/>
    </row>
    <row r="32" spans="1:10" ht="7.5" customHeight="1" thickBot="1" x14ac:dyDescent="0.2"/>
    <row r="33" spans="6:10" ht="25.5" customHeight="1" thickBot="1" x14ac:dyDescent="0.2">
      <c r="F33" s="32" t="s">
        <v>8</v>
      </c>
      <c r="G33" s="33"/>
      <c r="H33" s="34" t="s">
        <v>21</v>
      </c>
      <c r="I33" s="35"/>
      <c r="J33" s="36"/>
    </row>
  </sheetData>
  <mergeCells count="14">
    <mergeCell ref="F33:G33"/>
    <mergeCell ref="H33:J33"/>
    <mergeCell ref="A18:J18"/>
    <mergeCell ref="F24:G24"/>
    <mergeCell ref="H24:J24"/>
    <mergeCell ref="A25:J25"/>
    <mergeCell ref="F31:G31"/>
    <mergeCell ref="H31:J31"/>
    <mergeCell ref="A4:J4"/>
    <mergeCell ref="F10:G10"/>
    <mergeCell ref="H10:J10"/>
    <mergeCell ref="A11:J11"/>
    <mergeCell ref="F17:G17"/>
    <mergeCell ref="H17:J17"/>
  </mergeCells>
  <phoneticPr fontId="2"/>
  <printOptions horizontalCentered="1"/>
  <pageMargins left="0.70866141732283472" right="0.70866141732283472" top="0.78740157480314965" bottom="0.59055118110236227" header="0.39370078740157483" footer="0.31496062992125984"/>
  <pageSetup paperSize="9" orientation="portrait" r:id="rId1"/>
  <headerFooter>
    <oddHeader>&amp;Cプレミアム商品券 換金台帳&amp;R&amp;"ＭＳ ゴシック,標準"&amp;14Ｎｏ.　　</oddHeader>
  </headerFooter>
  <ignoredErrors>
    <ignoredError sqref="F8" formula="1"/>
  </ignoredError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換金台帳←必要事項を記載の上、こちらをご出力してご使用ください</vt:lpstr>
      <vt:lpstr>換金台帳【作成例】</vt:lpstr>
      <vt:lpstr>換金台帳【作成例】!Print_Area</vt:lpstr>
      <vt:lpstr>'換金台帳←必要事項を記載の上、こちらをご出力してご使用ください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1-11-11T08:49:39Z</cp:lastPrinted>
  <dcterms:created xsi:type="dcterms:W3CDTF">2021-02-04T10:46:13Z</dcterms:created>
  <dcterms:modified xsi:type="dcterms:W3CDTF">2026-02-26T04:09:38Z</dcterms:modified>
</cp:coreProperties>
</file>